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1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lbur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3B45A40D-48E1-2123-10EB-F45D4A0DBA8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6437" y="4429124"/>
            <a:ext cx="2257150" cy="223909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69339E05-CE1C-D88A-478B-1704CFC1D25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91937" y="3926585"/>
            <a:ext cx="1237053" cy="122715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0-21T07:52:17Z</dcterms:modified>
</cp:coreProperties>
</file>